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202300"/>
  <mc:AlternateContent xmlns:mc="http://schemas.openxmlformats.org/markup-compatibility/2006">
    <mc:Choice Requires="x15">
      <x15ac:absPath xmlns:x15ac="http://schemas.microsoft.com/office/spreadsheetml/2010/11/ac" url="\\kfs01\s1169\2025_03人口・社会統計課\07農林業センサス\01農林業センサス\17公表\15.県公表（確定値）\01_公表資料\03_市区町村別統計表（確定値）\03_加工データ（ずべて加工済み、秘匿ありデータ）\"/>
    </mc:Choice>
  </mc:AlternateContent>
  <xr:revisionPtr revIDLastSave="0" documentId="13_ncr:1_{C5B1E23F-734F-47E0-A167-8E77B0BF75DC}" xr6:coauthVersionLast="47" xr6:coauthVersionMax="47" xr10:uidLastSave="{00000000-0000-0000-0000-000000000000}"/>
  <bookViews>
    <workbookView xWindow="14880" yWindow="-15960" windowWidth="13920" windowHeight="15045" xr2:uid="{00000000-000D-0000-FFFF-FFFF00000000}"/>
  </bookViews>
  <sheets>
    <sheet name="1-1(1)" sheetId="1" r:id="rId1"/>
  </sheets>
  <calcPr calcId="0"/>
</workbook>
</file>

<file path=xl/sharedStrings.xml><?xml version="1.0" encoding="utf-8"?>
<sst xmlns="http://schemas.openxmlformats.org/spreadsheetml/2006/main" count="319" uniqueCount="137">
  <si>
    <t>　</t>
  </si>
  <si>
    <t>鶴見区</t>
  </si>
  <si>
    <t>-</t>
  </si>
  <si>
    <t>神奈川区</t>
  </si>
  <si>
    <t>西区</t>
  </si>
  <si>
    <t>中区</t>
  </si>
  <si>
    <t>保土ケ谷区</t>
  </si>
  <si>
    <t>磯子区</t>
  </si>
  <si>
    <t>金沢区</t>
  </si>
  <si>
    <t>港北区</t>
  </si>
  <si>
    <t>戸塚区</t>
  </si>
  <si>
    <t>旭区</t>
  </si>
  <si>
    <t>緑区</t>
  </si>
  <si>
    <t>瀬谷区</t>
  </si>
  <si>
    <t>栄区</t>
  </si>
  <si>
    <t>泉区</t>
  </si>
  <si>
    <t>青葉区</t>
  </si>
  <si>
    <t>都筑区</t>
  </si>
  <si>
    <t>川崎区</t>
  </si>
  <si>
    <t>幸区</t>
  </si>
  <si>
    <t>中原区</t>
  </si>
  <si>
    <t>高津区</t>
  </si>
  <si>
    <t>多摩区</t>
  </si>
  <si>
    <t>宮前区</t>
  </si>
  <si>
    <t>麻生区</t>
  </si>
  <si>
    <t>中央区</t>
  </si>
  <si>
    <t>南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1　農林業経営体数</t>
    <phoneticPr fontId="1"/>
  </si>
  <si>
    <t>(1)調査客体数</t>
    <phoneticPr fontId="1"/>
  </si>
  <si>
    <t>2025年農林業センサス（農林業経営体調査）神奈川県結果報告（確定値）</t>
    <rPh sb="31" eb="33">
      <t>カクテイ</t>
    </rPh>
    <phoneticPr fontId="1"/>
  </si>
  <si>
    <t>1　農林業経営体</t>
    <phoneticPr fontId="1"/>
  </si>
  <si>
    <t>神奈川県</t>
    <rPh sb="0" eb="4">
      <t>カナガワケン</t>
    </rPh>
    <phoneticPr fontId="1"/>
  </si>
  <si>
    <t>(1)</t>
  </si>
  <si>
    <t>横浜市</t>
    <rPh sb="0" eb="3">
      <t>ヨコハマシ</t>
    </rPh>
    <phoneticPr fontId="1"/>
  </si>
  <si>
    <t>(2)</t>
  </si>
  <si>
    <t>(3)</t>
  </si>
  <si>
    <t>(4)</t>
  </si>
  <si>
    <t>(5)</t>
  </si>
  <si>
    <t>(6)</t>
  </si>
  <si>
    <t>(7)</t>
  </si>
  <si>
    <t>(8)</t>
  </si>
  <si>
    <t>(9)</t>
  </si>
  <si>
    <t>(10)</t>
  </si>
  <si>
    <t>(11)</t>
  </si>
  <si>
    <t>(12)</t>
  </si>
  <si>
    <t>(13)</t>
  </si>
  <si>
    <t>(14)</t>
  </si>
  <si>
    <t>(15)</t>
  </si>
  <si>
    <t>(16)</t>
  </si>
  <si>
    <t>(17)</t>
  </si>
  <si>
    <t>(18)</t>
  </si>
  <si>
    <t>(19)</t>
  </si>
  <si>
    <t>(20)</t>
  </si>
  <si>
    <t>川崎市</t>
    <rPh sb="0" eb="3">
      <t>カワサキシ</t>
    </rPh>
    <phoneticPr fontId="1"/>
  </si>
  <si>
    <t>(21)</t>
  </si>
  <si>
    <t>(22)</t>
  </si>
  <si>
    <t>(23)</t>
  </si>
  <si>
    <t>(24)</t>
  </si>
  <si>
    <t>(25)</t>
  </si>
  <si>
    <t>(26)</t>
  </si>
  <si>
    <t>(27)</t>
  </si>
  <si>
    <t>(28)</t>
  </si>
  <si>
    <t>相模原市</t>
    <rPh sb="0" eb="4">
      <t>サガミハラシ</t>
    </rPh>
    <phoneticPr fontId="1"/>
  </si>
  <si>
    <t>(29)</t>
  </si>
  <si>
    <t>(30)</t>
  </si>
  <si>
    <t>(31)</t>
  </si>
  <si>
    <t>(32)</t>
  </si>
  <si>
    <t>(33)</t>
  </si>
  <si>
    <t>(34)</t>
  </si>
  <si>
    <t>(35)</t>
  </si>
  <si>
    <t>(36)</t>
  </si>
  <si>
    <t>(37)</t>
  </si>
  <si>
    <t>(38)</t>
  </si>
  <si>
    <t>(39)</t>
  </si>
  <si>
    <t>(40)</t>
  </si>
  <si>
    <t>(41)</t>
  </si>
  <si>
    <t>(42)</t>
  </si>
  <si>
    <t>(43)</t>
  </si>
  <si>
    <t>(44)</t>
  </si>
  <si>
    <t>(45)</t>
  </si>
  <si>
    <t>(46)</t>
  </si>
  <si>
    <t>(47)</t>
  </si>
  <si>
    <t>(48)</t>
  </si>
  <si>
    <t>(49)</t>
  </si>
  <si>
    <t>(50)</t>
  </si>
  <si>
    <t>(51)</t>
  </si>
  <si>
    <t>(52)</t>
  </si>
  <si>
    <t>(53)</t>
  </si>
  <si>
    <t>(54)</t>
  </si>
  <si>
    <t>(55)</t>
  </si>
  <si>
    <t>(56)</t>
  </si>
  <si>
    <t>(57)</t>
  </si>
  <si>
    <t>(58)</t>
  </si>
  <si>
    <t>(59)</t>
  </si>
  <si>
    <t>(60)</t>
  </si>
  <si>
    <t>(61)</t>
  </si>
  <si>
    <t>(62)</t>
  </si>
  <si>
    <t>単位：経営体</t>
    <rPh sb="0" eb="2">
      <t>タンイ</t>
    </rPh>
    <rPh sb="3" eb="6">
      <t>ケイエイタイ</t>
    </rPh>
    <phoneticPr fontId="1"/>
  </si>
  <si>
    <t>市区町村名</t>
    <phoneticPr fontId="1"/>
  </si>
  <si>
    <t>農林業
経営体</t>
  </si>
  <si>
    <t>農　業
経営体</t>
  </si>
  <si>
    <t>林　業
経営体</t>
  </si>
  <si>
    <t>個人
経営</t>
    <phoneticPr fontId="1"/>
  </si>
  <si>
    <t>団体
経営</t>
    <phoneticPr fontId="1"/>
  </si>
  <si>
    <t>法人
経営</t>
    <phoneticPr fontId="1"/>
  </si>
  <si>
    <t>南区</t>
    <phoneticPr fontId="1"/>
  </si>
  <si>
    <t>港南区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indexed="8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color indexed="8"/>
      <name val="游ゴシック"/>
      <family val="2"/>
      <scheme val="minor"/>
    </font>
    <font>
      <sz val="8"/>
      <color indexed="8"/>
      <name val="ＭＳ ゴシック"/>
      <family val="3"/>
      <charset val="128"/>
    </font>
    <font>
      <sz val="12"/>
      <color indexed="8"/>
      <name val="ＭＳ ゴシック"/>
      <family val="3"/>
      <charset val="128"/>
    </font>
    <font>
      <sz val="12"/>
      <color indexed="0"/>
      <name val="ＭＳ ゴシック"/>
      <family val="3"/>
      <charset val="128"/>
    </font>
    <font>
      <sz val="14"/>
      <color indexed="8"/>
      <name val="ＭＳ ゴシック"/>
      <family val="3"/>
      <charset val="128"/>
    </font>
    <font>
      <sz val="8"/>
      <color indexed="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thin">
        <color auto="1"/>
      </bottom>
      <diagonal/>
    </border>
    <border>
      <left/>
      <right style="thin">
        <color indexed="64"/>
      </right>
      <top/>
      <bottom style="thin">
        <color auto="1"/>
      </bottom>
      <diagonal/>
    </border>
  </borders>
  <cellStyleXfs count="3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0" fontId="2" fillId="0" borderId="1">
      <alignment vertical="center"/>
    </xf>
  </cellStyleXfs>
  <cellXfs count="40">
    <xf numFmtId="0" fontId="0" fillId="0" borderId="0" xfId="0">
      <alignment vertical="center"/>
    </xf>
    <xf numFmtId="38" fontId="4" fillId="0" borderId="0" xfId="1" applyFont="1">
      <alignment vertical="center"/>
    </xf>
    <xf numFmtId="38" fontId="4" fillId="0" borderId="1" xfId="1" applyFont="1" applyBorder="1" applyAlignment="1"/>
    <xf numFmtId="38" fontId="5" fillId="0" borderId="1" xfId="1" applyFont="1" applyBorder="1" applyAlignment="1"/>
    <xf numFmtId="0" fontId="3" fillId="0" borderId="1" xfId="2" applyFont="1">
      <alignment vertical="center"/>
    </xf>
    <xf numFmtId="0" fontId="6" fillId="0" borderId="1" xfId="2" applyFont="1">
      <alignment vertical="center"/>
    </xf>
    <xf numFmtId="38" fontId="6" fillId="0" borderId="0" xfId="1" applyFont="1">
      <alignment vertical="center"/>
    </xf>
    <xf numFmtId="38" fontId="6" fillId="0" borderId="1" xfId="1" applyFont="1" applyBorder="1" applyAlignment="1"/>
    <xf numFmtId="38" fontId="6" fillId="0" borderId="5" xfId="1" applyFont="1" applyBorder="1" applyAlignment="1"/>
    <xf numFmtId="0" fontId="4" fillId="0" borderId="12" xfId="2" applyFont="1" applyBorder="1" applyAlignment="1">
      <alignment vertical="center" wrapText="1"/>
    </xf>
    <xf numFmtId="0" fontId="4" fillId="0" borderId="10" xfId="2" applyFont="1" applyBorder="1" applyAlignment="1">
      <alignment vertical="center" wrapText="1"/>
    </xf>
    <xf numFmtId="0" fontId="7" fillId="0" borderId="1" xfId="2" applyFont="1" applyAlignment="1"/>
    <xf numFmtId="0" fontId="4" fillId="0" borderId="8" xfId="2" applyFont="1" applyBorder="1" applyAlignment="1">
      <alignment horizontal="center" vertical="center" wrapText="1"/>
    </xf>
    <xf numFmtId="0" fontId="4" fillId="0" borderId="1" xfId="2" applyFont="1">
      <alignment vertical="center"/>
    </xf>
    <xf numFmtId="0" fontId="4" fillId="0" borderId="1" xfId="2" applyFont="1" applyAlignment="1">
      <alignment horizontal="left" vertical="center" indent="1"/>
    </xf>
    <xf numFmtId="38" fontId="5" fillId="0" borderId="17" xfId="1" applyFont="1" applyBorder="1" applyAlignment="1"/>
    <xf numFmtId="38" fontId="4" fillId="0" borderId="0" xfId="1" applyFont="1" applyAlignment="1">
      <alignment horizontal="center" vertical="center"/>
    </xf>
    <xf numFmtId="38" fontId="4" fillId="0" borderId="1" xfId="1" applyFont="1" applyBorder="1" applyAlignment="1">
      <alignment horizontal="center"/>
    </xf>
    <xf numFmtId="38" fontId="5" fillId="0" borderId="6" xfId="1" applyFont="1" applyBorder="1" applyAlignment="1">
      <alignment horizontal="center"/>
    </xf>
    <xf numFmtId="38" fontId="5" fillId="0" borderId="14" xfId="1" applyFont="1" applyBorder="1" applyAlignment="1">
      <alignment horizontal="center"/>
    </xf>
    <xf numFmtId="38" fontId="5" fillId="0" borderId="18" xfId="1" applyFont="1" applyBorder="1" applyAlignment="1">
      <alignment horizontal="center"/>
    </xf>
    <xf numFmtId="38" fontId="5" fillId="0" borderId="1" xfId="1" applyFont="1" applyBorder="1" applyAlignment="1">
      <alignment horizontal="right"/>
    </xf>
    <xf numFmtId="38" fontId="5" fillId="0" borderId="17" xfId="1" applyFont="1" applyBorder="1" applyAlignment="1">
      <alignment horizontal="right"/>
    </xf>
    <xf numFmtId="0" fontId="4" fillId="0" borderId="10" xfId="2" applyFont="1" applyBorder="1" applyAlignment="1">
      <alignment horizontal="center" vertical="center"/>
    </xf>
    <xf numFmtId="0" fontId="4" fillId="0" borderId="11" xfId="2" applyFont="1" applyBorder="1" applyAlignment="1">
      <alignment horizontal="center" vertical="center"/>
    </xf>
    <xf numFmtId="0" fontId="4" fillId="0" borderId="1" xfId="2" applyFont="1" applyAlignment="1">
      <alignment horizontal="center" vertical="center"/>
    </xf>
    <xf numFmtId="0" fontId="4" fillId="0" borderId="14" xfId="2" applyFont="1" applyBorder="1" applyAlignment="1">
      <alignment horizontal="center" vertical="center"/>
    </xf>
    <xf numFmtId="0" fontId="4" fillId="0" borderId="5" xfId="2" applyFont="1" applyBorder="1" applyAlignment="1">
      <alignment horizontal="center" vertical="center"/>
    </xf>
    <xf numFmtId="0" fontId="4" fillId="0" borderId="15" xfId="2" applyFont="1" applyBorder="1" applyAlignment="1">
      <alignment horizontal="center" vertical="center"/>
    </xf>
    <xf numFmtId="0" fontId="4" fillId="0" borderId="10" xfId="2" applyFont="1" applyBorder="1" applyAlignment="1">
      <alignment horizontal="center" vertical="center" wrapText="1"/>
    </xf>
    <xf numFmtId="0" fontId="4" fillId="0" borderId="1" xfId="2" applyFont="1" applyAlignment="1">
      <alignment horizontal="center" vertical="center" wrapText="1"/>
    </xf>
    <xf numFmtId="0" fontId="4" fillId="0" borderId="5" xfId="2" applyFont="1" applyBorder="1" applyAlignment="1">
      <alignment horizontal="center" vertical="center" wrapText="1"/>
    </xf>
    <xf numFmtId="0" fontId="4" fillId="0" borderId="13" xfId="2" applyFont="1" applyBorder="1" applyAlignment="1">
      <alignment horizontal="center" vertical="center" wrapText="1"/>
    </xf>
    <xf numFmtId="0" fontId="4" fillId="0" borderId="9" xfId="2" applyFont="1" applyBorder="1" applyAlignment="1">
      <alignment horizontal="center" vertical="center" wrapText="1"/>
    </xf>
    <xf numFmtId="0" fontId="4" fillId="0" borderId="16" xfId="2" applyFont="1" applyBorder="1" applyAlignment="1">
      <alignment horizontal="center" vertical="center" wrapText="1"/>
    </xf>
    <xf numFmtId="0" fontId="4" fillId="0" borderId="7" xfId="2" applyFont="1" applyBorder="1" applyAlignment="1">
      <alignment horizontal="center" vertical="center" wrapText="1"/>
    </xf>
    <xf numFmtId="0" fontId="4" fillId="0" borderId="2" xfId="2" applyFont="1" applyBorder="1" applyAlignment="1">
      <alignment horizontal="center" vertical="center" wrapText="1"/>
    </xf>
    <xf numFmtId="0" fontId="4" fillId="0" borderId="3" xfId="2" applyFont="1" applyBorder="1" applyAlignment="1">
      <alignment horizontal="center" vertical="center" wrapText="1"/>
    </xf>
    <xf numFmtId="0" fontId="4" fillId="0" borderId="4" xfId="2" applyFont="1" applyBorder="1" applyAlignment="1">
      <alignment horizontal="center" vertical="center" wrapText="1"/>
    </xf>
    <xf numFmtId="0" fontId="4" fillId="0" borderId="1" xfId="2" applyFont="1" applyAlignment="1">
      <alignment horizontal="right"/>
    </xf>
  </cellXfs>
  <cellStyles count="3">
    <cellStyle name="桁区切り" xfId="1" builtinId="6"/>
    <cellStyle name="標準" xfId="0" builtinId="0"/>
    <cellStyle name="標準 2" xfId="2" xr:uid="{C81451B4-CFC9-4419-A6D4-F68273F3F66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O72"/>
  <sheetViews>
    <sheetView showGridLines="0" tabSelected="1" zoomScale="92" zoomScaleNormal="92" workbookViewId="0"/>
  </sheetViews>
  <sheetFormatPr defaultRowHeight="14.4" x14ac:dyDescent="0.45"/>
  <cols>
    <col min="1" max="1" width="14.8984375" style="1" customWidth="1"/>
    <col min="2" max="2" width="4.8984375" style="16" customWidth="1"/>
    <col min="3" max="15" width="8" style="1" customWidth="1"/>
    <col min="16" max="16384" width="8.796875" style="1"/>
  </cols>
  <sheetData>
    <row r="1" spans="1:15" ht="18.600000000000001" customHeight="1" x14ac:dyDescent="0.45"/>
    <row r="2" spans="1:15" ht="18.600000000000001" customHeight="1" x14ac:dyDescent="0.45">
      <c r="A2" s="6" t="s">
        <v>59</v>
      </c>
    </row>
    <row r="3" spans="1:15" ht="18.600000000000001" customHeight="1" x14ac:dyDescent="0.45">
      <c r="A3" s="6" t="s">
        <v>60</v>
      </c>
    </row>
    <row r="4" spans="1:15" ht="18.600000000000001" customHeight="1" x14ac:dyDescent="0.2">
      <c r="A4" s="7" t="s">
        <v>57</v>
      </c>
      <c r="B4" s="17"/>
      <c r="D4" s="2"/>
      <c r="E4" s="2"/>
      <c r="F4" s="2"/>
      <c r="G4" s="2"/>
      <c r="H4" s="2" t="s">
        <v>0</v>
      </c>
      <c r="I4" s="2"/>
      <c r="J4" s="2"/>
      <c r="K4" s="2"/>
      <c r="L4" s="2"/>
      <c r="M4" s="2"/>
      <c r="N4" s="2"/>
      <c r="O4" s="3"/>
    </row>
    <row r="5" spans="1:15" ht="18.600000000000001" customHeight="1" thickBot="1" x14ac:dyDescent="0.25">
      <c r="A5" s="8" t="s">
        <v>58</v>
      </c>
      <c r="B5" s="17"/>
      <c r="D5" s="2"/>
      <c r="E5" s="2"/>
      <c r="F5" s="2"/>
      <c r="G5" s="2"/>
      <c r="H5" s="2"/>
      <c r="I5" s="2"/>
      <c r="J5" s="2"/>
      <c r="K5" s="2"/>
      <c r="L5" s="2"/>
      <c r="M5" s="5"/>
      <c r="N5" s="39" t="s">
        <v>127</v>
      </c>
      <c r="O5" s="3"/>
    </row>
    <row r="6" spans="1:15" s="4" customFormat="1" ht="19.05" customHeight="1" thickTop="1" x14ac:dyDescent="0.15">
      <c r="A6" s="23" t="s">
        <v>128</v>
      </c>
      <c r="B6" s="24"/>
      <c r="C6" s="29" t="s">
        <v>129</v>
      </c>
      <c r="D6" s="9"/>
      <c r="E6" s="10"/>
      <c r="F6" s="10"/>
      <c r="G6" s="32" t="s">
        <v>130</v>
      </c>
      <c r="H6" s="9"/>
      <c r="I6" s="10"/>
      <c r="J6" s="10"/>
      <c r="K6" s="32" t="s">
        <v>131</v>
      </c>
      <c r="L6" s="9"/>
      <c r="M6" s="10"/>
      <c r="N6" s="10"/>
      <c r="O6" s="11"/>
    </row>
    <row r="7" spans="1:15" s="4" customFormat="1" ht="18.600000000000001" customHeight="1" x14ac:dyDescent="0.15">
      <c r="A7" s="25"/>
      <c r="B7" s="26"/>
      <c r="C7" s="30"/>
      <c r="D7" s="35" t="s">
        <v>132</v>
      </c>
      <c r="E7" s="35" t="s">
        <v>133</v>
      </c>
      <c r="F7" s="12"/>
      <c r="G7" s="33"/>
      <c r="H7" s="35" t="s">
        <v>132</v>
      </c>
      <c r="I7" s="35" t="s">
        <v>133</v>
      </c>
      <c r="J7" s="12"/>
      <c r="K7" s="33"/>
      <c r="L7" s="35" t="s">
        <v>132</v>
      </c>
      <c r="M7" s="35" t="s">
        <v>133</v>
      </c>
      <c r="N7" s="12"/>
      <c r="O7" s="11"/>
    </row>
    <row r="8" spans="1:15" s="4" customFormat="1" ht="19.05" customHeight="1" x14ac:dyDescent="0.15">
      <c r="A8" s="25"/>
      <c r="B8" s="26"/>
      <c r="C8" s="30"/>
      <c r="D8" s="33"/>
      <c r="E8" s="33"/>
      <c r="F8" s="36" t="s">
        <v>134</v>
      </c>
      <c r="G8" s="33"/>
      <c r="H8" s="33"/>
      <c r="I8" s="33"/>
      <c r="J8" s="36" t="s">
        <v>134</v>
      </c>
      <c r="K8" s="33"/>
      <c r="L8" s="33"/>
      <c r="M8" s="33"/>
      <c r="N8" s="35" t="s">
        <v>134</v>
      </c>
      <c r="O8" s="11"/>
    </row>
    <row r="9" spans="1:15" s="4" customFormat="1" ht="19.05" customHeight="1" x14ac:dyDescent="0.15">
      <c r="A9" s="25"/>
      <c r="B9" s="26"/>
      <c r="C9" s="30"/>
      <c r="D9" s="33"/>
      <c r="E9" s="33"/>
      <c r="F9" s="37"/>
      <c r="G9" s="33"/>
      <c r="H9" s="33"/>
      <c r="I9" s="33"/>
      <c r="J9" s="37"/>
      <c r="K9" s="33"/>
      <c r="L9" s="33"/>
      <c r="M9" s="33"/>
      <c r="N9" s="33"/>
      <c r="O9" s="11"/>
    </row>
    <row r="10" spans="1:15" s="4" customFormat="1" ht="19.05" customHeight="1" thickBot="1" x14ac:dyDescent="0.2">
      <c r="A10" s="27"/>
      <c r="B10" s="28"/>
      <c r="C10" s="31"/>
      <c r="D10" s="34"/>
      <c r="E10" s="34"/>
      <c r="F10" s="38"/>
      <c r="G10" s="34"/>
      <c r="H10" s="34"/>
      <c r="I10" s="34"/>
      <c r="J10" s="38"/>
      <c r="K10" s="34"/>
      <c r="L10" s="34"/>
      <c r="M10" s="34"/>
      <c r="N10" s="34"/>
      <c r="O10" s="11"/>
    </row>
    <row r="11" spans="1:15" ht="18" customHeight="1" x14ac:dyDescent="0.2">
      <c r="A11" s="13" t="s">
        <v>61</v>
      </c>
      <c r="B11" s="18" t="s">
        <v>62</v>
      </c>
      <c r="C11" s="21">
        <v>8868</v>
      </c>
      <c r="D11" s="21">
        <v>8495</v>
      </c>
      <c r="E11" s="21">
        <v>373</v>
      </c>
      <c r="F11" s="21">
        <v>353</v>
      </c>
      <c r="G11" s="21">
        <v>8801</v>
      </c>
      <c r="H11" s="21">
        <v>8480</v>
      </c>
      <c r="I11" s="21">
        <v>321</v>
      </c>
      <c r="J11" s="21">
        <v>314</v>
      </c>
      <c r="K11" s="21">
        <v>101</v>
      </c>
      <c r="L11" s="21">
        <v>49</v>
      </c>
      <c r="M11" s="21">
        <v>52</v>
      </c>
      <c r="N11" s="21">
        <v>39</v>
      </c>
      <c r="O11" s="3"/>
    </row>
    <row r="12" spans="1:15" x14ac:dyDescent="0.2">
      <c r="A12" s="13" t="s">
        <v>63</v>
      </c>
      <c r="B12" s="19" t="s">
        <v>64</v>
      </c>
      <c r="C12" s="21">
        <v>1567</v>
      </c>
      <c r="D12" s="21">
        <v>1505</v>
      </c>
      <c r="E12" s="21">
        <v>62</v>
      </c>
      <c r="F12" s="21">
        <v>60</v>
      </c>
      <c r="G12" s="21">
        <v>1560</v>
      </c>
      <c r="H12" s="21">
        <v>1502</v>
      </c>
      <c r="I12" s="21">
        <v>58</v>
      </c>
      <c r="J12" s="21">
        <v>58</v>
      </c>
      <c r="K12" s="21">
        <v>9</v>
      </c>
      <c r="L12" s="21">
        <v>5</v>
      </c>
      <c r="M12" s="21">
        <v>4</v>
      </c>
      <c r="N12" s="21">
        <v>2</v>
      </c>
    </row>
    <row r="13" spans="1:15" x14ac:dyDescent="0.2">
      <c r="A13" s="14" t="s">
        <v>1</v>
      </c>
      <c r="B13" s="19" t="s">
        <v>65</v>
      </c>
      <c r="C13" s="21">
        <v>17</v>
      </c>
      <c r="D13" s="21">
        <v>15</v>
      </c>
      <c r="E13" s="21">
        <v>2</v>
      </c>
      <c r="F13" s="21">
        <v>2</v>
      </c>
      <c r="G13" s="21">
        <v>17</v>
      </c>
      <c r="H13" s="21">
        <v>15</v>
      </c>
      <c r="I13" s="21">
        <v>2</v>
      </c>
      <c r="J13" s="21">
        <v>2</v>
      </c>
      <c r="K13" s="21" t="s">
        <v>2</v>
      </c>
      <c r="L13" s="21" t="s">
        <v>2</v>
      </c>
      <c r="M13" s="21" t="s">
        <v>2</v>
      </c>
      <c r="N13" s="21" t="s">
        <v>2</v>
      </c>
    </row>
    <row r="14" spans="1:15" x14ac:dyDescent="0.2">
      <c r="A14" s="14" t="s">
        <v>3</v>
      </c>
      <c r="B14" s="19" t="s">
        <v>66</v>
      </c>
      <c r="C14" s="21">
        <v>99</v>
      </c>
      <c r="D14" s="21">
        <v>94</v>
      </c>
      <c r="E14" s="21">
        <v>5</v>
      </c>
      <c r="F14" s="21">
        <v>5</v>
      </c>
      <c r="G14" s="21">
        <v>99</v>
      </c>
      <c r="H14" s="21">
        <v>94</v>
      </c>
      <c r="I14" s="21">
        <v>5</v>
      </c>
      <c r="J14" s="21">
        <v>5</v>
      </c>
      <c r="K14" s="21">
        <v>1</v>
      </c>
      <c r="L14" s="21">
        <v>1</v>
      </c>
      <c r="M14" s="21" t="s">
        <v>2</v>
      </c>
      <c r="N14" s="21" t="s">
        <v>2</v>
      </c>
    </row>
    <row r="15" spans="1:15" x14ac:dyDescent="0.2">
      <c r="A15" s="14" t="s">
        <v>4</v>
      </c>
      <c r="B15" s="19" t="s">
        <v>67</v>
      </c>
      <c r="C15" s="21">
        <v>3</v>
      </c>
      <c r="D15" s="21">
        <v>1</v>
      </c>
      <c r="E15" s="21">
        <v>2</v>
      </c>
      <c r="F15" s="21">
        <v>2</v>
      </c>
      <c r="G15" s="21">
        <v>2</v>
      </c>
      <c r="H15" s="21">
        <v>1</v>
      </c>
      <c r="I15" s="21">
        <v>1</v>
      </c>
      <c r="J15" s="21">
        <v>1</v>
      </c>
      <c r="K15" s="21">
        <v>1</v>
      </c>
      <c r="L15" s="21" t="s">
        <v>2</v>
      </c>
      <c r="M15" s="21">
        <v>1</v>
      </c>
      <c r="N15" s="21">
        <v>1</v>
      </c>
    </row>
    <row r="16" spans="1:15" x14ac:dyDescent="0.2">
      <c r="A16" s="14" t="s">
        <v>5</v>
      </c>
      <c r="B16" s="19" t="s">
        <v>68</v>
      </c>
      <c r="C16" s="21">
        <v>3</v>
      </c>
      <c r="D16" s="21" t="s">
        <v>2</v>
      </c>
      <c r="E16" s="21">
        <v>3</v>
      </c>
      <c r="F16" s="21">
        <v>1</v>
      </c>
      <c r="G16" s="21">
        <v>1</v>
      </c>
      <c r="H16" s="21" t="s">
        <v>2</v>
      </c>
      <c r="I16" s="21">
        <v>1</v>
      </c>
      <c r="J16" s="21">
        <v>1</v>
      </c>
      <c r="K16" s="21">
        <v>2</v>
      </c>
      <c r="L16" s="21" t="s">
        <v>2</v>
      </c>
      <c r="M16" s="21">
        <v>2</v>
      </c>
      <c r="N16" s="21" t="s">
        <v>2</v>
      </c>
    </row>
    <row r="17" spans="1:14" x14ac:dyDescent="0.2">
      <c r="A17" s="14" t="s">
        <v>135</v>
      </c>
      <c r="B17" s="19" t="s">
        <v>69</v>
      </c>
      <c r="C17" s="21">
        <v>8</v>
      </c>
      <c r="D17" s="21">
        <v>7</v>
      </c>
      <c r="E17" s="21">
        <v>1</v>
      </c>
      <c r="F17" s="21">
        <v>1</v>
      </c>
      <c r="G17" s="21">
        <v>8</v>
      </c>
      <c r="H17" s="21">
        <v>7</v>
      </c>
      <c r="I17" s="21">
        <v>1</v>
      </c>
      <c r="J17" s="21">
        <v>1</v>
      </c>
      <c r="K17" s="21" t="s">
        <v>2</v>
      </c>
      <c r="L17" s="21" t="s">
        <v>2</v>
      </c>
      <c r="M17" s="21" t="s">
        <v>2</v>
      </c>
      <c r="N17" s="21" t="s">
        <v>2</v>
      </c>
    </row>
    <row r="18" spans="1:14" x14ac:dyDescent="0.2">
      <c r="A18" s="14" t="s">
        <v>6</v>
      </c>
      <c r="B18" s="19" t="s">
        <v>70</v>
      </c>
      <c r="C18" s="21">
        <v>68</v>
      </c>
      <c r="D18" s="21">
        <v>66</v>
      </c>
      <c r="E18" s="21">
        <v>2</v>
      </c>
      <c r="F18" s="21">
        <v>2</v>
      </c>
      <c r="G18" s="21">
        <v>67</v>
      </c>
      <c r="H18" s="21">
        <v>65</v>
      </c>
      <c r="I18" s="21">
        <v>2</v>
      </c>
      <c r="J18" s="21">
        <v>2</v>
      </c>
      <c r="K18" s="21">
        <v>1</v>
      </c>
      <c r="L18" s="21">
        <v>1</v>
      </c>
      <c r="M18" s="21" t="s">
        <v>2</v>
      </c>
      <c r="N18" s="21" t="s">
        <v>2</v>
      </c>
    </row>
    <row r="19" spans="1:14" x14ac:dyDescent="0.2">
      <c r="A19" s="14" t="s">
        <v>7</v>
      </c>
      <c r="B19" s="19" t="s">
        <v>71</v>
      </c>
      <c r="C19" s="21">
        <v>9</v>
      </c>
      <c r="D19" s="21">
        <v>9</v>
      </c>
      <c r="E19" s="21" t="s">
        <v>2</v>
      </c>
      <c r="F19" s="21" t="s">
        <v>2</v>
      </c>
      <c r="G19" s="21">
        <v>9</v>
      </c>
      <c r="H19" s="21">
        <v>9</v>
      </c>
      <c r="I19" s="21" t="s">
        <v>2</v>
      </c>
      <c r="J19" s="21" t="s">
        <v>2</v>
      </c>
      <c r="K19" s="21" t="s">
        <v>2</v>
      </c>
      <c r="L19" s="21" t="s">
        <v>2</v>
      </c>
      <c r="M19" s="21" t="s">
        <v>2</v>
      </c>
      <c r="N19" s="21" t="s">
        <v>2</v>
      </c>
    </row>
    <row r="20" spans="1:14" x14ac:dyDescent="0.2">
      <c r="A20" s="14" t="s">
        <v>8</v>
      </c>
      <c r="B20" s="19" t="s">
        <v>72</v>
      </c>
      <c r="C20" s="21">
        <v>19</v>
      </c>
      <c r="D20" s="21">
        <v>18</v>
      </c>
      <c r="E20" s="21">
        <v>1</v>
      </c>
      <c r="F20" s="21">
        <v>1</v>
      </c>
      <c r="G20" s="21">
        <v>18</v>
      </c>
      <c r="H20" s="21">
        <v>17</v>
      </c>
      <c r="I20" s="21">
        <v>1</v>
      </c>
      <c r="J20" s="21">
        <v>1</v>
      </c>
      <c r="K20" s="21">
        <v>1</v>
      </c>
      <c r="L20" s="21">
        <v>1</v>
      </c>
      <c r="M20" s="21" t="s">
        <v>2</v>
      </c>
      <c r="N20" s="21" t="s">
        <v>2</v>
      </c>
    </row>
    <row r="21" spans="1:14" x14ac:dyDescent="0.2">
      <c r="A21" s="14" t="s">
        <v>9</v>
      </c>
      <c r="B21" s="19" t="s">
        <v>73</v>
      </c>
      <c r="C21" s="21">
        <v>180</v>
      </c>
      <c r="D21" s="21">
        <v>175</v>
      </c>
      <c r="E21" s="21">
        <v>5</v>
      </c>
      <c r="F21" s="21">
        <v>5</v>
      </c>
      <c r="G21" s="21">
        <v>180</v>
      </c>
      <c r="H21" s="21">
        <v>175</v>
      </c>
      <c r="I21" s="21">
        <v>5</v>
      </c>
      <c r="J21" s="21">
        <v>5</v>
      </c>
      <c r="K21" s="21" t="s">
        <v>2</v>
      </c>
      <c r="L21" s="21" t="s">
        <v>2</v>
      </c>
      <c r="M21" s="21" t="s">
        <v>2</v>
      </c>
      <c r="N21" s="21" t="s">
        <v>2</v>
      </c>
    </row>
    <row r="22" spans="1:14" x14ac:dyDescent="0.2">
      <c r="A22" s="14" t="s">
        <v>10</v>
      </c>
      <c r="B22" s="19" t="s">
        <v>74</v>
      </c>
      <c r="C22" s="21">
        <v>166</v>
      </c>
      <c r="D22" s="21">
        <v>154</v>
      </c>
      <c r="E22" s="21">
        <v>12</v>
      </c>
      <c r="F22" s="21">
        <v>12</v>
      </c>
      <c r="G22" s="21">
        <v>166</v>
      </c>
      <c r="H22" s="21">
        <v>154</v>
      </c>
      <c r="I22" s="21">
        <v>12</v>
      </c>
      <c r="J22" s="21">
        <v>12</v>
      </c>
      <c r="K22" s="21" t="s">
        <v>2</v>
      </c>
      <c r="L22" s="21" t="s">
        <v>2</v>
      </c>
      <c r="M22" s="21" t="s">
        <v>2</v>
      </c>
      <c r="N22" s="21" t="s">
        <v>2</v>
      </c>
    </row>
    <row r="23" spans="1:14" x14ac:dyDescent="0.2">
      <c r="A23" s="14" t="s">
        <v>136</v>
      </c>
      <c r="B23" s="19" t="s">
        <v>75</v>
      </c>
      <c r="C23" s="21">
        <v>37</v>
      </c>
      <c r="D23" s="21">
        <v>35</v>
      </c>
      <c r="E23" s="21">
        <v>2</v>
      </c>
      <c r="F23" s="21">
        <v>2</v>
      </c>
      <c r="G23" s="21">
        <v>37</v>
      </c>
      <c r="H23" s="21">
        <v>35</v>
      </c>
      <c r="I23" s="21">
        <v>2</v>
      </c>
      <c r="J23" s="21">
        <v>2</v>
      </c>
      <c r="K23" s="21" t="s">
        <v>2</v>
      </c>
      <c r="L23" s="21" t="s">
        <v>2</v>
      </c>
      <c r="M23" s="21" t="s">
        <v>2</v>
      </c>
      <c r="N23" s="21" t="s">
        <v>2</v>
      </c>
    </row>
    <row r="24" spans="1:14" x14ac:dyDescent="0.2">
      <c r="A24" s="14" t="s">
        <v>11</v>
      </c>
      <c r="B24" s="19" t="s">
        <v>76</v>
      </c>
      <c r="C24" s="21">
        <v>94</v>
      </c>
      <c r="D24" s="21">
        <v>93</v>
      </c>
      <c r="E24" s="21">
        <v>1</v>
      </c>
      <c r="F24" s="21">
        <v>1</v>
      </c>
      <c r="G24" s="21">
        <v>94</v>
      </c>
      <c r="H24" s="21">
        <v>93</v>
      </c>
      <c r="I24" s="21">
        <v>1</v>
      </c>
      <c r="J24" s="21">
        <v>1</v>
      </c>
      <c r="K24" s="21" t="s">
        <v>2</v>
      </c>
      <c r="L24" s="21" t="s">
        <v>2</v>
      </c>
      <c r="M24" s="21" t="s">
        <v>2</v>
      </c>
      <c r="N24" s="21" t="s">
        <v>2</v>
      </c>
    </row>
    <row r="25" spans="1:14" x14ac:dyDescent="0.2">
      <c r="A25" s="14" t="s">
        <v>12</v>
      </c>
      <c r="B25" s="19" t="s">
        <v>77</v>
      </c>
      <c r="C25" s="21">
        <v>166</v>
      </c>
      <c r="D25" s="21">
        <v>161</v>
      </c>
      <c r="E25" s="21">
        <v>5</v>
      </c>
      <c r="F25" s="21">
        <v>5</v>
      </c>
      <c r="G25" s="21">
        <v>166</v>
      </c>
      <c r="H25" s="21">
        <v>161</v>
      </c>
      <c r="I25" s="21">
        <v>5</v>
      </c>
      <c r="J25" s="21">
        <v>5</v>
      </c>
      <c r="K25" s="21">
        <v>1</v>
      </c>
      <c r="L25" s="21">
        <v>1</v>
      </c>
      <c r="M25" s="21" t="s">
        <v>2</v>
      </c>
      <c r="N25" s="21" t="s">
        <v>2</v>
      </c>
    </row>
    <row r="26" spans="1:14" x14ac:dyDescent="0.2">
      <c r="A26" s="14" t="s">
        <v>13</v>
      </c>
      <c r="B26" s="19" t="s">
        <v>78</v>
      </c>
      <c r="C26" s="21">
        <v>108</v>
      </c>
      <c r="D26" s="21">
        <v>102</v>
      </c>
      <c r="E26" s="21">
        <v>6</v>
      </c>
      <c r="F26" s="21">
        <v>6</v>
      </c>
      <c r="G26" s="21">
        <v>107</v>
      </c>
      <c r="H26" s="21">
        <v>101</v>
      </c>
      <c r="I26" s="21">
        <v>6</v>
      </c>
      <c r="J26" s="21">
        <v>6</v>
      </c>
      <c r="K26" s="21">
        <v>1</v>
      </c>
      <c r="L26" s="21">
        <v>1</v>
      </c>
      <c r="M26" s="21" t="s">
        <v>2</v>
      </c>
      <c r="N26" s="21" t="s">
        <v>2</v>
      </c>
    </row>
    <row r="27" spans="1:14" x14ac:dyDescent="0.2">
      <c r="A27" s="14" t="s">
        <v>14</v>
      </c>
      <c r="B27" s="19" t="s">
        <v>79</v>
      </c>
      <c r="C27" s="21">
        <v>44</v>
      </c>
      <c r="D27" s="21">
        <v>43</v>
      </c>
      <c r="E27" s="21">
        <v>1</v>
      </c>
      <c r="F27" s="21">
        <v>1</v>
      </c>
      <c r="G27" s="21">
        <v>44</v>
      </c>
      <c r="H27" s="21">
        <v>43</v>
      </c>
      <c r="I27" s="21">
        <v>1</v>
      </c>
      <c r="J27" s="21">
        <v>1</v>
      </c>
      <c r="K27" s="21" t="s">
        <v>2</v>
      </c>
      <c r="L27" s="21" t="s">
        <v>2</v>
      </c>
      <c r="M27" s="21" t="s">
        <v>2</v>
      </c>
      <c r="N27" s="21" t="s">
        <v>2</v>
      </c>
    </row>
    <row r="28" spans="1:14" x14ac:dyDescent="0.2">
      <c r="A28" s="14" t="s">
        <v>15</v>
      </c>
      <c r="B28" s="19" t="s">
        <v>80</v>
      </c>
      <c r="C28" s="21">
        <v>195</v>
      </c>
      <c r="D28" s="21">
        <v>188</v>
      </c>
      <c r="E28" s="21">
        <v>7</v>
      </c>
      <c r="F28" s="21">
        <v>7</v>
      </c>
      <c r="G28" s="21">
        <v>194</v>
      </c>
      <c r="H28" s="21">
        <v>188</v>
      </c>
      <c r="I28" s="21">
        <v>6</v>
      </c>
      <c r="J28" s="21">
        <v>6</v>
      </c>
      <c r="K28" s="21">
        <v>1</v>
      </c>
      <c r="L28" s="21" t="s">
        <v>2</v>
      </c>
      <c r="M28" s="21">
        <v>1</v>
      </c>
      <c r="N28" s="21">
        <v>1</v>
      </c>
    </row>
    <row r="29" spans="1:14" x14ac:dyDescent="0.2">
      <c r="A29" s="14" t="s">
        <v>16</v>
      </c>
      <c r="B29" s="19" t="s">
        <v>81</v>
      </c>
      <c r="C29" s="21">
        <v>146</v>
      </c>
      <c r="D29" s="21">
        <v>141</v>
      </c>
      <c r="E29" s="21">
        <v>5</v>
      </c>
      <c r="F29" s="21">
        <v>5</v>
      </c>
      <c r="G29" s="21">
        <v>146</v>
      </c>
      <c r="H29" s="21">
        <v>141</v>
      </c>
      <c r="I29" s="21">
        <v>5</v>
      </c>
      <c r="J29" s="21">
        <v>5</v>
      </c>
      <c r="K29" s="21" t="s">
        <v>2</v>
      </c>
      <c r="L29" s="21" t="s">
        <v>2</v>
      </c>
      <c r="M29" s="21" t="s">
        <v>2</v>
      </c>
      <c r="N29" s="21" t="s">
        <v>2</v>
      </c>
    </row>
    <row r="30" spans="1:14" x14ac:dyDescent="0.2">
      <c r="A30" s="14" t="s">
        <v>17</v>
      </c>
      <c r="B30" s="19" t="s">
        <v>82</v>
      </c>
      <c r="C30" s="21">
        <v>205</v>
      </c>
      <c r="D30" s="21">
        <v>203</v>
      </c>
      <c r="E30" s="21">
        <v>2</v>
      </c>
      <c r="F30" s="21">
        <v>2</v>
      </c>
      <c r="G30" s="21">
        <v>205</v>
      </c>
      <c r="H30" s="21">
        <v>203</v>
      </c>
      <c r="I30" s="21">
        <v>2</v>
      </c>
      <c r="J30" s="21">
        <v>2</v>
      </c>
      <c r="K30" s="21" t="s">
        <v>2</v>
      </c>
      <c r="L30" s="21" t="s">
        <v>2</v>
      </c>
      <c r="M30" s="21" t="s">
        <v>2</v>
      </c>
      <c r="N30" s="21" t="s">
        <v>2</v>
      </c>
    </row>
    <row r="31" spans="1:14" x14ac:dyDescent="0.2">
      <c r="A31" s="13" t="s">
        <v>83</v>
      </c>
      <c r="B31" s="19" t="s">
        <v>84</v>
      </c>
      <c r="C31" s="21">
        <v>472</v>
      </c>
      <c r="D31" s="21">
        <v>455</v>
      </c>
      <c r="E31" s="21">
        <v>17</v>
      </c>
      <c r="F31" s="21">
        <v>17</v>
      </c>
      <c r="G31" s="21">
        <v>470</v>
      </c>
      <c r="H31" s="21">
        <v>453</v>
      </c>
      <c r="I31" s="21">
        <v>17</v>
      </c>
      <c r="J31" s="21">
        <v>17</v>
      </c>
      <c r="K31" s="21">
        <v>2</v>
      </c>
      <c r="L31" s="21">
        <v>2</v>
      </c>
      <c r="M31" s="21" t="s">
        <v>2</v>
      </c>
      <c r="N31" s="21" t="s">
        <v>2</v>
      </c>
    </row>
    <row r="32" spans="1:14" x14ac:dyDescent="0.2">
      <c r="A32" s="14" t="s">
        <v>18</v>
      </c>
      <c r="B32" s="19" t="s">
        <v>85</v>
      </c>
      <c r="C32" s="21" t="s">
        <v>2</v>
      </c>
      <c r="D32" s="21" t="s">
        <v>2</v>
      </c>
      <c r="E32" s="21" t="s">
        <v>2</v>
      </c>
      <c r="F32" s="21" t="s">
        <v>2</v>
      </c>
      <c r="G32" s="21" t="s">
        <v>2</v>
      </c>
      <c r="H32" s="21" t="s">
        <v>2</v>
      </c>
      <c r="I32" s="21" t="s">
        <v>2</v>
      </c>
      <c r="J32" s="21" t="s">
        <v>2</v>
      </c>
      <c r="K32" s="21" t="s">
        <v>2</v>
      </c>
      <c r="L32" s="21" t="s">
        <v>2</v>
      </c>
      <c r="M32" s="21" t="s">
        <v>2</v>
      </c>
      <c r="N32" s="21" t="s">
        <v>2</v>
      </c>
    </row>
    <row r="33" spans="1:14" x14ac:dyDescent="0.2">
      <c r="A33" s="14" t="s">
        <v>19</v>
      </c>
      <c r="B33" s="19" t="s">
        <v>86</v>
      </c>
      <c r="C33" s="21">
        <v>4</v>
      </c>
      <c r="D33" s="21">
        <v>4</v>
      </c>
      <c r="E33" s="21" t="s">
        <v>2</v>
      </c>
      <c r="F33" s="21" t="s">
        <v>2</v>
      </c>
      <c r="G33" s="21">
        <v>4</v>
      </c>
      <c r="H33" s="21">
        <v>4</v>
      </c>
      <c r="I33" s="21" t="s">
        <v>2</v>
      </c>
      <c r="J33" s="21" t="s">
        <v>2</v>
      </c>
      <c r="K33" s="21" t="s">
        <v>2</v>
      </c>
      <c r="L33" s="21" t="s">
        <v>2</v>
      </c>
      <c r="M33" s="21" t="s">
        <v>2</v>
      </c>
      <c r="N33" s="21" t="s">
        <v>2</v>
      </c>
    </row>
    <row r="34" spans="1:14" x14ac:dyDescent="0.2">
      <c r="A34" s="14" t="s">
        <v>20</v>
      </c>
      <c r="B34" s="19" t="s">
        <v>87</v>
      </c>
      <c r="C34" s="21">
        <v>30</v>
      </c>
      <c r="D34" s="21">
        <v>29</v>
      </c>
      <c r="E34" s="21">
        <v>1</v>
      </c>
      <c r="F34" s="21">
        <v>1</v>
      </c>
      <c r="G34" s="21">
        <v>30</v>
      </c>
      <c r="H34" s="21">
        <v>29</v>
      </c>
      <c r="I34" s="21">
        <v>1</v>
      </c>
      <c r="J34" s="21">
        <v>1</v>
      </c>
      <c r="K34" s="21" t="s">
        <v>2</v>
      </c>
      <c r="L34" s="21" t="s">
        <v>2</v>
      </c>
      <c r="M34" s="21" t="s">
        <v>2</v>
      </c>
      <c r="N34" s="21" t="s">
        <v>2</v>
      </c>
    </row>
    <row r="35" spans="1:14" x14ac:dyDescent="0.2">
      <c r="A35" s="14" t="s">
        <v>21</v>
      </c>
      <c r="B35" s="19" t="s">
        <v>88</v>
      </c>
      <c r="C35" s="21">
        <v>73</v>
      </c>
      <c r="D35" s="21">
        <v>70</v>
      </c>
      <c r="E35" s="21">
        <v>3</v>
      </c>
      <c r="F35" s="21">
        <v>3</v>
      </c>
      <c r="G35" s="21">
        <v>73</v>
      </c>
      <c r="H35" s="21">
        <v>70</v>
      </c>
      <c r="I35" s="21">
        <v>3</v>
      </c>
      <c r="J35" s="21">
        <v>3</v>
      </c>
      <c r="K35" s="21" t="s">
        <v>2</v>
      </c>
      <c r="L35" s="21" t="s">
        <v>2</v>
      </c>
      <c r="M35" s="21" t="s">
        <v>2</v>
      </c>
      <c r="N35" s="21" t="s">
        <v>2</v>
      </c>
    </row>
    <row r="36" spans="1:14" x14ac:dyDescent="0.2">
      <c r="A36" s="14" t="s">
        <v>22</v>
      </c>
      <c r="B36" s="19" t="s">
        <v>89</v>
      </c>
      <c r="C36" s="21">
        <v>118</v>
      </c>
      <c r="D36" s="21">
        <v>117</v>
      </c>
      <c r="E36" s="21">
        <v>1</v>
      </c>
      <c r="F36" s="21">
        <v>1</v>
      </c>
      <c r="G36" s="21">
        <v>118</v>
      </c>
      <c r="H36" s="21">
        <v>117</v>
      </c>
      <c r="I36" s="21">
        <v>1</v>
      </c>
      <c r="J36" s="21">
        <v>1</v>
      </c>
      <c r="K36" s="21" t="s">
        <v>2</v>
      </c>
      <c r="L36" s="21" t="s">
        <v>2</v>
      </c>
      <c r="M36" s="21" t="s">
        <v>2</v>
      </c>
      <c r="N36" s="21" t="s">
        <v>2</v>
      </c>
    </row>
    <row r="37" spans="1:14" x14ac:dyDescent="0.2">
      <c r="A37" s="14" t="s">
        <v>23</v>
      </c>
      <c r="B37" s="19" t="s">
        <v>90</v>
      </c>
      <c r="C37" s="21">
        <v>136</v>
      </c>
      <c r="D37" s="21">
        <v>131</v>
      </c>
      <c r="E37" s="21">
        <v>5</v>
      </c>
      <c r="F37" s="21">
        <v>5</v>
      </c>
      <c r="G37" s="21">
        <v>136</v>
      </c>
      <c r="H37" s="21">
        <v>131</v>
      </c>
      <c r="I37" s="21">
        <v>5</v>
      </c>
      <c r="J37" s="21">
        <v>5</v>
      </c>
      <c r="K37" s="21" t="s">
        <v>2</v>
      </c>
      <c r="L37" s="21" t="s">
        <v>2</v>
      </c>
      <c r="M37" s="21" t="s">
        <v>2</v>
      </c>
      <c r="N37" s="21" t="s">
        <v>2</v>
      </c>
    </row>
    <row r="38" spans="1:14" x14ac:dyDescent="0.2">
      <c r="A38" s="14" t="s">
        <v>24</v>
      </c>
      <c r="B38" s="19" t="s">
        <v>91</v>
      </c>
      <c r="C38" s="21">
        <v>111</v>
      </c>
      <c r="D38" s="21">
        <v>104</v>
      </c>
      <c r="E38" s="21">
        <v>7</v>
      </c>
      <c r="F38" s="21">
        <v>7</v>
      </c>
      <c r="G38" s="21">
        <v>109</v>
      </c>
      <c r="H38" s="21">
        <v>102</v>
      </c>
      <c r="I38" s="21">
        <v>7</v>
      </c>
      <c r="J38" s="21">
        <v>7</v>
      </c>
      <c r="K38" s="21">
        <v>2</v>
      </c>
      <c r="L38" s="21">
        <v>2</v>
      </c>
      <c r="M38" s="21" t="s">
        <v>2</v>
      </c>
      <c r="N38" s="21" t="s">
        <v>2</v>
      </c>
    </row>
    <row r="39" spans="1:14" x14ac:dyDescent="0.2">
      <c r="A39" s="13" t="s">
        <v>92</v>
      </c>
      <c r="B39" s="19" t="s">
        <v>93</v>
      </c>
      <c r="C39" s="21">
        <v>317</v>
      </c>
      <c r="D39" s="21">
        <v>284</v>
      </c>
      <c r="E39" s="21">
        <v>33</v>
      </c>
      <c r="F39" s="21">
        <v>32</v>
      </c>
      <c r="G39" s="21">
        <v>311</v>
      </c>
      <c r="H39" s="21">
        <v>284</v>
      </c>
      <c r="I39" s="21">
        <v>27</v>
      </c>
      <c r="J39" s="21">
        <v>26</v>
      </c>
      <c r="K39" s="21">
        <v>11</v>
      </c>
      <c r="L39" s="21">
        <v>5</v>
      </c>
      <c r="M39" s="21">
        <v>6</v>
      </c>
      <c r="N39" s="21">
        <v>6</v>
      </c>
    </row>
    <row r="40" spans="1:14" x14ac:dyDescent="0.2">
      <c r="A40" s="14" t="s">
        <v>12</v>
      </c>
      <c r="B40" s="19" t="s">
        <v>94</v>
      </c>
      <c r="C40" s="21">
        <v>139</v>
      </c>
      <c r="D40" s="21">
        <v>117</v>
      </c>
      <c r="E40" s="21">
        <v>22</v>
      </c>
      <c r="F40" s="21">
        <v>21</v>
      </c>
      <c r="G40" s="21">
        <v>133</v>
      </c>
      <c r="H40" s="21">
        <v>117</v>
      </c>
      <c r="I40" s="21">
        <v>16</v>
      </c>
      <c r="J40" s="21">
        <v>15</v>
      </c>
      <c r="K40" s="21">
        <v>11</v>
      </c>
      <c r="L40" s="21">
        <v>5</v>
      </c>
      <c r="M40" s="21">
        <v>6</v>
      </c>
      <c r="N40" s="21">
        <v>6</v>
      </c>
    </row>
    <row r="41" spans="1:14" x14ac:dyDescent="0.2">
      <c r="A41" s="14" t="s">
        <v>25</v>
      </c>
      <c r="B41" s="19" t="s">
        <v>95</v>
      </c>
      <c r="C41" s="21">
        <v>67</v>
      </c>
      <c r="D41" s="21">
        <v>64</v>
      </c>
      <c r="E41" s="21">
        <v>3</v>
      </c>
      <c r="F41" s="21">
        <v>3</v>
      </c>
      <c r="G41" s="21">
        <v>67</v>
      </c>
      <c r="H41" s="21">
        <v>64</v>
      </c>
      <c r="I41" s="21">
        <v>3</v>
      </c>
      <c r="J41" s="21">
        <v>3</v>
      </c>
      <c r="K41" s="21" t="s">
        <v>2</v>
      </c>
      <c r="L41" s="21" t="s">
        <v>2</v>
      </c>
      <c r="M41" s="21" t="s">
        <v>2</v>
      </c>
      <c r="N41" s="21" t="s">
        <v>2</v>
      </c>
    </row>
    <row r="42" spans="1:14" x14ac:dyDescent="0.2">
      <c r="A42" s="14" t="s">
        <v>26</v>
      </c>
      <c r="B42" s="19" t="s">
        <v>96</v>
      </c>
      <c r="C42" s="21">
        <v>111</v>
      </c>
      <c r="D42" s="21">
        <v>103</v>
      </c>
      <c r="E42" s="21">
        <v>8</v>
      </c>
      <c r="F42" s="21">
        <v>8</v>
      </c>
      <c r="G42" s="21">
        <v>111</v>
      </c>
      <c r="H42" s="21">
        <v>103</v>
      </c>
      <c r="I42" s="21">
        <v>8</v>
      </c>
      <c r="J42" s="21">
        <v>8</v>
      </c>
      <c r="K42" s="21" t="s">
        <v>2</v>
      </c>
      <c r="L42" s="21" t="s">
        <v>2</v>
      </c>
      <c r="M42" s="21" t="s">
        <v>2</v>
      </c>
      <c r="N42" s="21" t="s">
        <v>2</v>
      </c>
    </row>
    <row r="43" spans="1:14" x14ac:dyDescent="0.2">
      <c r="A43" s="3" t="s">
        <v>27</v>
      </c>
      <c r="B43" s="19" t="s">
        <v>97</v>
      </c>
      <c r="C43" s="21">
        <v>271</v>
      </c>
      <c r="D43" s="21">
        <v>257</v>
      </c>
      <c r="E43" s="21">
        <v>14</v>
      </c>
      <c r="F43" s="21">
        <v>14</v>
      </c>
      <c r="G43" s="21">
        <v>271</v>
      </c>
      <c r="H43" s="21">
        <v>257</v>
      </c>
      <c r="I43" s="21">
        <v>14</v>
      </c>
      <c r="J43" s="21">
        <v>14</v>
      </c>
      <c r="K43" s="21" t="s">
        <v>2</v>
      </c>
      <c r="L43" s="21" t="s">
        <v>2</v>
      </c>
      <c r="M43" s="21" t="s">
        <v>2</v>
      </c>
      <c r="N43" s="21" t="s">
        <v>2</v>
      </c>
    </row>
    <row r="44" spans="1:14" x14ac:dyDescent="0.2">
      <c r="A44" s="3" t="s">
        <v>28</v>
      </c>
      <c r="B44" s="19" t="s">
        <v>98</v>
      </c>
      <c r="C44" s="21">
        <v>707</v>
      </c>
      <c r="D44" s="21">
        <v>681</v>
      </c>
      <c r="E44" s="21">
        <v>26</v>
      </c>
      <c r="F44" s="21">
        <v>26</v>
      </c>
      <c r="G44" s="21">
        <v>707</v>
      </c>
      <c r="H44" s="21">
        <v>681</v>
      </c>
      <c r="I44" s="21">
        <v>26</v>
      </c>
      <c r="J44" s="21">
        <v>26</v>
      </c>
      <c r="K44" s="21" t="s">
        <v>2</v>
      </c>
      <c r="L44" s="21" t="s">
        <v>2</v>
      </c>
      <c r="M44" s="21" t="s">
        <v>2</v>
      </c>
      <c r="N44" s="21" t="s">
        <v>2</v>
      </c>
    </row>
    <row r="45" spans="1:14" x14ac:dyDescent="0.2">
      <c r="A45" s="3" t="s">
        <v>29</v>
      </c>
      <c r="B45" s="19" t="s">
        <v>99</v>
      </c>
      <c r="C45" s="21">
        <v>60</v>
      </c>
      <c r="D45" s="21">
        <v>57</v>
      </c>
      <c r="E45" s="21">
        <v>3</v>
      </c>
      <c r="F45" s="21">
        <v>3</v>
      </c>
      <c r="G45" s="21">
        <v>59</v>
      </c>
      <c r="H45" s="21">
        <v>57</v>
      </c>
      <c r="I45" s="21">
        <v>2</v>
      </c>
      <c r="J45" s="21">
        <v>2</v>
      </c>
      <c r="K45" s="21">
        <v>1</v>
      </c>
      <c r="L45" s="21" t="s">
        <v>2</v>
      </c>
      <c r="M45" s="21">
        <v>1</v>
      </c>
      <c r="N45" s="21">
        <v>1</v>
      </c>
    </row>
    <row r="46" spans="1:14" x14ac:dyDescent="0.2">
      <c r="A46" s="3" t="s">
        <v>30</v>
      </c>
      <c r="B46" s="19" t="s">
        <v>100</v>
      </c>
      <c r="C46" s="21">
        <v>463</v>
      </c>
      <c r="D46" s="21">
        <v>437</v>
      </c>
      <c r="E46" s="21">
        <v>26</v>
      </c>
      <c r="F46" s="21">
        <v>26</v>
      </c>
      <c r="G46" s="21">
        <v>461</v>
      </c>
      <c r="H46" s="21">
        <v>435</v>
      </c>
      <c r="I46" s="21">
        <v>26</v>
      </c>
      <c r="J46" s="21">
        <v>26</v>
      </c>
      <c r="K46" s="21">
        <v>3</v>
      </c>
      <c r="L46" s="21">
        <v>3</v>
      </c>
      <c r="M46" s="21" t="s">
        <v>2</v>
      </c>
      <c r="N46" s="21" t="s">
        <v>2</v>
      </c>
    </row>
    <row r="47" spans="1:14" x14ac:dyDescent="0.2">
      <c r="A47" s="3" t="s">
        <v>31</v>
      </c>
      <c r="B47" s="19" t="s">
        <v>101</v>
      </c>
      <c r="C47" s="21">
        <v>844</v>
      </c>
      <c r="D47" s="21">
        <v>831</v>
      </c>
      <c r="E47" s="21">
        <v>13</v>
      </c>
      <c r="F47" s="21">
        <v>10</v>
      </c>
      <c r="G47" s="21">
        <v>841</v>
      </c>
      <c r="H47" s="21">
        <v>831</v>
      </c>
      <c r="I47" s="21">
        <v>10</v>
      </c>
      <c r="J47" s="21">
        <v>9</v>
      </c>
      <c r="K47" s="21">
        <v>7</v>
      </c>
      <c r="L47" s="21">
        <v>4</v>
      </c>
      <c r="M47" s="21">
        <v>3</v>
      </c>
      <c r="N47" s="21">
        <v>1</v>
      </c>
    </row>
    <row r="48" spans="1:14" x14ac:dyDescent="0.2">
      <c r="A48" s="3" t="s">
        <v>32</v>
      </c>
      <c r="B48" s="19" t="s">
        <v>102</v>
      </c>
      <c r="C48" s="21">
        <v>237</v>
      </c>
      <c r="D48" s="21">
        <v>229</v>
      </c>
      <c r="E48" s="21">
        <v>8</v>
      </c>
      <c r="F48" s="21">
        <v>8</v>
      </c>
      <c r="G48" s="21">
        <v>236</v>
      </c>
      <c r="H48" s="21">
        <v>228</v>
      </c>
      <c r="I48" s="21">
        <v>8</v>
      </c>
      <c r="J48" s="21">
        <v>8</v>
      </c>
      <c r="K48" s="21">
        <v>1</v>
      </c>
      <c r="L48" s="21">
        <v>1</v>
      </c>
      <c r="M48" s="21" t="s">
        <v>2</v>
      </c>
      <c r="N48" s="21" t="s">
        <v>2</v>
      </c>
    </row>
    <row r="49" spans="1:14" x14ac:dyDescent="0.2">
      <c r="A49" s="3" t="s">
        <v>33</v>
      </c>
      <c r="B49" s="19" t="s">
        <v>103</v>
      </c>
      <c r="C49" s="21">
        <v>4</v>
      </c>
      <c r="D49" s="21">
        <v>3</v>
      </c>
      <c r="E49" s="21">
        <v>1</v>
      </c>
      <c r="F49" s="21">
        <v>1</v>
      </c>
      <c r="G49" s="21">
        <v>4</v>
      </c>
      <c r="H49" s="21">
        <v>3</v>
      </c>
      <c r="I49" s="21">
        <v>1</v>
      </c>
      <c r="J49" s="21">
        <v>1</v>
      </c>
      <c r="K49" s="21">
        <v>1</v>
      </c>
      <c r="L49" s="21">
        <v>1</v>
      </c>
      <c r="M49" s="21" t="s">
        <v>2</v>
      </c>
      <c r="N49" s="21" t="s">
        <v>2</v>
      </c>
    </row>
    <row r="50" spans="1:14" x14ac:dyDescent="0.2">
      <c r="A50" s="3" t="s">
        <v>34</v>
      </c>
      <c r="B50" s="19" t="s">
        <v>104</v>
      </c>
      <c r="C50" s="21">
        <v>570</v>
      </c>
      <c r="D50" s="21">
        <v>558</v>
      </c>
      <c r="E50" s="21">
        <v>12</v>
      </c>
      <c r="F50" s="21">
        <v>12</v>
      </c>
      <c r="G50" s="21">
        <v>570</v>
      </c>
      <c r="H50" s="21">
        <v>558</v>
      </c>
      <c r="I50" s="21">
        <v>12</v>
      </c>
      <c r="J50" s="21">
        <v>12</v>
      </c>
      <c r="K50" s="21" t="s">
        <v>2</v>
      </c>
      <c r="L50" s="21" t="s">
        <v>2</v>
      </c>
      <c r="M50" s="21" t="s">
        <v>2</v>
      </c>
      <c r="N50" s="21" t="s">
        <v>2</v>
      </c>
    </row>
    <row r="51" spans="1:14" x14ac:dyDescent="0.2">
      <c r="A51" s="3" t="s">
        <v>35</v>
      </c>
      <c r="B51" s="19" t="s">
        <v>105</v>
      </c>
      <c r="C51" s="21">
        <v>367</v>
      </c>
      <c r="D51" s="21">
        <v>349</v>
      </c>
      <c r="E51" s="21">
        <v>18</v>
      </c>
      <c r="F51" s="21">
        <v>14</v>
      </c>
      <c r="G51" s="21">
        <v>359</v>
      </c>
      <c r="H51" s="21">
        <v>349</v>
      </c>
      <c r="I51" s="21">
        <v>10</v>
      </c>
      <c r="J51" s="21">
        <v>9</v>
      </c>
      <c r="K51" s="21">
        <v>8</v>
      </c>
      <c r="L51" s="21" t="s">
        <v>2</v>
      </c>
      <c r="M51" s="21">
        <v>8</v>
      </c>
      <c r="N51" s="21">
        <v>5</v>
      </c>
    </row>
    <row r="52" spans="1:14" x14ac:dyDescent="0.2">
      <c r="A52" s="3" t="s">
        <v>36</v>
      </c>
      <c r="B52" s="19" t="s">
        <v>106</v>
      </c>
      <c r="C52" s="21">
        <v>502</v>
      </c>
      <c r="D52" s="21">
        <v>488</v>
      </c>
      <c r="E52" s="21">
        <v>14</v>
      </c>
      <c r="F52" s="21">
        <v>14</v>
      </c>
      <c r="G52" s="21">
        <v>500</v>
      </c>
      <c r="H52" s="21">
        <v>487</v>
      </c>
      <c r="I52" s="21">
        <v>13</v>
      </c>
      <c r="J52" s="21">
        <v>13</v>
      </c>
      <c r="K52" s="21">
        <v>2</v>
      </c>
      <c r="L52" s="21">
        <v>1</v>
      </c>
      <c r="M52" s="21">
        <v>1</v>
      </c>
      <c r="N52" s="21">
        <v>1</v>
      </c>
    </row>
    <row r="53" spans="1:14" x14ac:dyDescent="0.2">
      <c r="A53" s="3" t="s">
        <v>37</v>
      </c>
      <c r="B53" s="19" t="s">
        <v>107</v>
      </c>
      <c r="C53" s="21">
        <v>119</v>
      </c>
      <c r="D53" s="21">
        <v>115</v>
      </c>
      <c r="E53" s="21">
        <v>4</v>
      </c>
      <c r="F53" s="21">
        <v>4</v>
      </c>
      <c r="G53" s="21">
        <v>119</v>
      </c>
      <c r="H53" s="21">
        <v>115</v>
      </c>
      <c r="I53" s="21">
        <v>4</v>
      </c>
      <c r="J53" s="21">
        <v>4</v>
      </c>
      <c r="K53" s="21" t="s">
        <v>2</v>
      </c>
      <c r="L53" s="21" t="s">
        <v>2</v>
      </c>
      <c r="M53" s="21" t="s">
        <v>2</v>
      </c>
      <c r="N53" s="21" t="s">
        <v>2</v>
      </c>
    </row>
    <row r="54" spans="1:14" x14ac:dyDescent="0.2">
      <c r="A54" s="3" t="s">
        <v>38</v>
      </c>
      <c r="B54" s="19" t="s">
        <v>108</v>
      </c>
      <c r="C54" s="21">
        <v>327</v>
      </c>
      <c r="D54" s="21">
        <v>306</v>
      </c>
      <c r="E54" s="21">
        <v>21</v>
      </c>
      <c r="F54" s="21">
        <v>19</v>
      </c>
      <c r="G54" s="21">
        <v>323</v>
      </c>
      <c r="H54" s="21">
        <v>306</v>
      </c>
      <c r="I54" s="21">
        <v>17</v>
      </c>
      <c r="J54" s="21">
        <v>16</v>
      </c>
      <c r="K54" s="21">
        <v>4</v>
      </c>
      <c r="L54" s="21" t="s">
        <v>2</v>
      </c>
      <c r="M54" s="21">
        <v>4</v>
      </c>
      <c r="N54" s="21">
        <v>3</v>
      </c>
    </row>
    <row r="55" spans="1:14" x14ac:dyDescent="0.2">
      <c r="A55" s="3" t="s">
        <v>39</v>
      </c>
      <c r="B55" s="19" t="s">
        <v>109</v>
      </c>
      <c r="C55" s="21">
        <v>247</v>
      </c>
      <c r="D55" s="21">
        <v>237</v>
      </c>
      <c r="E55" s="21">
        <v>10</v>
      </c>
      <c r="F55" s="21">
        <v>10</v>
      </c>
      <c r="G55" s="21">
        <v>247</v>
      </c>
      <c r="H55" s="21">
        <v>237</v>
      </c>
      <c r="I55" s="21">
        <v>10</v>
      </c>
      <c r="J55" s="21">
        <v>10</v>
      </c>
      <c r="K55" s="21">
        <v>1</v>
      </c>
      <c r="L55" s="21">
        <v>1</v>
      </c>
      <c r="M55" s="21" t="s">
        <v>2</v>
      </c>
      <c r="N55" s="21" t="s">
        <v>2</v>
      </c>
    </row>
    <row r="56" spans="1:14" x14ac:dyDescent="0.2">
      <c r="A56" s="3" t="s">
        <v>40</v>
      </c>
      <c r="B56" s="19" t="s">
        <v>110</v>
      </c>
      <c r="C56" s="21">
        <v>88</v>
      </c>
      <c r="D56" s="21">
        <v>84</v>
      </c>
      <c r="E56" s="21">
        <v>4</v>
      </c>
      <c r="F56" s="21">
        <v>4</v>
      </c>
      <c r="G56" s="21">
        <v>88</v>
      </c>
      <c r="H56" s="21">
        <v>84</v>
      </c>
      <c r="I56" s="21">
        <v>4</v>
      </c>
      <c r="J56" s="21">
        <v>4</v>
      </c>
      <c r="K56" s="21" t="s">
        <v>2</v>
      </c>
      <c r="L56" s="21" t="s">
        <v>2</v>
      </c>
      <c r="M56" s="21" t="s">
        <v>2</v>
      </c>
      <c r="N56" s="21" t="s">
        <v>2</v>
      </c>
    </row>
    <row r="57" spans="1:14" x14ac:dyDescent="0.2">
      <c r="A57" s="3" t="s">
        <v>41</v>
      </c>
      <c r="B57" s="19" t="s">
        <v>111</v>
      </c>
      <c r="C57" s="21">
        <v>361</v>
      </c>
      <c r="D57" s="21">
        <v>348</v>
      </c>
      <c r="E57" s="21">
        <v>13</v>
      </c>
      <c r="F57" s="21">
        <v>12</v>
      </c>
      <c r="G57" s="21">
        <v>348</v>
      </c>
      <c r="H57" s="21">
        <v>344</v>
      </c>
      <c r="I57" s="21">
        <v>4</v>
      </c>
      <c r="J57" s="21">
        <v>4</v>
      </c>
      <c r="K57" s="21">
        <v>22</v>
      </c>
      <c r="L57" s="21">
        <v>13</v>
      </c>
      <c r="M57" s="21">
        <v>9</v>
      </c>
      <c r="N57" s="21">
        <v>8</v>
      </c>
    </row>
    <row r="58" spans="1:14" x14ac:dyDescent="0.2">
      <c r="A58" s="3" t="s">
        <v>42</v>
      </c>
      <c r="B58" s="19" t="s">
        <v>112</v>
      </c>
      <c r="C58" s="21">
        <v>124</v>
      </c>
      <c r="D58" s="21">
        <v>120</v>
      </c>
      <c r="E58" s="21">
        <v>4</v>
      </c>
      <c r="F58" s="21">
        <v>4</v>
      </c>
      <c r="G58" s="21">
        <v>124</v>
      </c>
      <c r="H58" s="21">
        <v>120</v>
      </c>
      <c r="I58" s="21">
        <v>4</v>
      </c>
      <c r="J58" s="21">
        <v>4</v>
      </c>
      <c r="K58" s="21" t="s">
        <v>2</v>
      </c>
      <c r="L58" s="21" t="s">
        <v>2</v>
      </c>
      <c r="M58" s="21" t="s">
        <v>2</v>
      </c>
      <c r="N58" s="21" t="s">
        <v>2</v>
      </c>
    </row>
    <row r="59" spans="1:14" x14ac:dyDescent="0.2">
      <c r="A59" s="3" t="s">
        <v>43</v>
      </c>
      <c r="B59" s="19" t="s">
        <v>113</v>
      </c>
      <c r="C59" s="21">
        <v>14</v>
      </c>
      <c r="D59" s="21">
        <v>12</v>
      </c>
      <c r="E59" s="21">
        <v>2</v>
      </c>
      <c r="F59" s="21">
        <v>1</v>
      </c>
      <c r="G59" s="21">
        <v>14</v>
      </c>
      <c r="H59" s="21">
        <v>12</v>
      </c>
      <c r="I59" s="21">
        <v>2</v>
      </c>
      <c r="J59" s="21">
        <v>1</v>
      </c>
      <c r="K59" s="21" t="s">
        <v>2</v>
      </c>
      <c r="L59" s="21" t="s">
        <v>2</v>
      </c>
      <c r="M59" s="21" t="s">
        <v>2</v>
      </c>
      <c r="N59" s="21" t="s">
        <v>2</v>
      </c>
    </row>
    <row r="60" spans="1:14" x14ac:dyDescent="0.2">
      <c r="A60" s="3" t="s">
        <v>44</v>
      </c>
      <c r="B60" s="19" t="s">
        <v>114</v>
      </c>
      <c r="C60" s="21">
        <v>128</v>
      </c>
      <c r="D60" s="21">
        <v>125</v>
      </c>
      <c r="E60" s="21">
        <v>3</v>
      </c>
      <c r="F60" s="21">
        <v>3</v>
      </c>
      <c r="G60" s="21">
        <v>128</v>
      </c>
      <c r="H60" s="21">
        <v>125</v>
      </c>
      <c r="I60" s="21">
        <v>3</v>
      </c>
      <c r="J60" s="21">
        <v>3</v>
      </c>
      <c r="K60" s="21" t="s">
        <v>2</v>
      </c>
      <c r="L60" s="21" t="s">
        <v>2</v>
      </c>
      <c r="M60" s="21" t="s">
        <v>2</v>
      </c>
      <c r="N60" s="21" t="s">
        <v>2</v>
      </c>
    </row>
    <row r="61" spans="1:14" x14ac:dyDescent="0.2">
      <c r="A61" s="3" t="s">
        <v>45</v>
      </c>
      <c r="B61" s="19" t="s">
        <v>115</v>
      </c>
      <c r="C61" s="21">
        <v>91</v>
      </c>
      <c r="D61" s="21">
        <v>87</v>
      </c>
      <c r="E61" s="21">
        <v>4</v>
      </c>
      <c r="F61" s="21">
        <v>4</v>
      </c>
      <c r="G61" s="21">
        <v>91</v>
      </c>
      <c r="H61" s="21">
        <v>87</v>
      </c>
      <c r="I61" s="21">
        <v>4</v>
      </c>
      <c r="J61" s="21">
        <v>4</v>
      </c>
      <c r="K61" s="21" t="s">
        <v>2</v>
      </c>
      <c r="L61" s="21" t="s">
        <v>2</v>
      </c>
      <c r="M61" s="21" t="s">
        <v>2</v>
      </c>
      <c r="N61" s="21" t="s">
        <v>2</v>
      </c>
    </row>
    <row r="62" spans="1:14" x14ac:dyDescent="0.2">
      <c r="A62" s="3" t="s">
        <v>46</v>
      </c>
      <c r="B62" s="19" t="s">
        <v>116</v>
      </c>
      <c r="C62" s="21">
        <v>71</v>
      </c>
      <c r="D62" s="21">
        <v>68</v>
      </c>
      <c r="E62" s="21">
        <v>3</v>
      </c>
      <c r="F62" s="21">
        <v>3</v>
      </c>
      <c r="G62" s="21">
        <v>71</v>
      </c>
      <c r="H62" s="21">
        <v>68</v>
      </c>
      <c r="I62" s="21">
        <v>3</v>
      </c>
      <c r="J62" s="21">
        <v>3</v>
      </c>
      <c r="K62" s="21">
        <v>1</v>
      </c>
      <c r="L62" s="21">
        <v>1</v>
      </c>
      <c r="M62" s="21" t="s">
        <v>2</v>
      </c>
      <c r="N62" s="21" t="s">
        <v>2</v>
      </c>
    </row>
    <row r="63" spans="1:14" x14ac:dyDescent="0.2">
      <c r="A63" s="3" t="s">
        <v>47</v>
      </c>
      <c r="B63" s="19" t="s">
        <v>117</v>
      </c>
      <c r="C63" s="21">
        <v>197</v>
      </c>
      <c r="D63" s="21">
        <v>195</v>
      </c>
      <c r="E63" s="21">
        <v>2</v>
      </c>
      <c r="F63" s="21">
        <v>2</v>
      </c>
      <c r="G63" s="21">
        <v>197</v>
      </c>
      <c r="H63" s="21">
        <v>195</v>
      </c>
      <c r="I63" s="21">
        <v>2</v>
      </c>
      <c r="J63" s="21">
        <v>2</v>
      </c>
      <c r="K63" s="21">
        <v>2</v>
      </c>
      <c r="L63" s="21">
        <v>2</v>
      </c>
      <c r="M63" s="21" t="s">
        <v>2</v>
      </c>
      <c r="N63" s="21" t="s">
        <v>2</v>
      </c>
    </row>
    <row r="64" spans="1:14" x14ac:dyDescent="0.2">
      <c r="A64" s="3" t="s">
        <v>48</v>
      </c>
      <c r="B64" s="19" t="s">
        <v>118</v>
      </c>
      <c r="C64" s="21">
        <v>153</v>
      </c>
      <c r="D64" s="21">
        <v>149</v>
      </c>
      <c r="E64" s="21">
        <v>4</v>
      </c>
      <c r="F64" s="21">
        <v>3</v>
      </c>
      <c r="G64" s="21">
        <v>153</v>
      </c>
      <c r="H64" s="21">
        <v>149</v>
      </c>
      <c r="I64" s="21">
        <v>4</v>
      </c>
      <c r="J64" s="21">
        <v>3</v>
      </c>
      <c r="K64" s="21" t="s">
        <v>2</v>
      </c>
      <c r="L64" s="21" t="s">
        <v>2</v>
      </c>
      <c r="M64" s="21" t="s">
        <v>2</v>
      </c>
      <c r="N64" s="21" t="s">
        <v>2</v>
      </c>
    </row>
    <row r="65" spans="1:14" x14ac:dyDescent="0.2">
      <c r="A65" s="3" t="s">
        <v>49</v>
      </c>
      <c r="B65" s="19" t="s">
        <v>119</v>
      </c>
      <c r="C65" s="21">
        <v>68</v>
      </c>
      <c r="D65" s="21">
        <v>65</v>
      </c>
      <c r="E65" s="21">
        <v>3</v>
      </c>
      <c r="F65" s="21">
        <v>3</v>
      </c>
      <c r="G65" s="21">
        <v>66</v>
      </c>
      <c r="H65" s="21">
        <v>64</v>
      </c>
      <c r="I65" s="21">
        <v>2</v>
      </c>
      <c r="J65" s="21">
        <v>2</v>
      </c>
      <c r="K65" s="21">
        <v>3</v>
      </c>
      <c r="L65" s="21">
        <v>2</v>
      </c>
      <c r="M65" s="21">
        <v>1</v>
      </c>
      <c r="N65" s="21">
        <v>1</v>
      </c>
    </row>
    <row r="66" spans="1:14" x14ac:dyDescent="0.2">
      <c r="A66" s="3" t="s">
        <v>50</v>
      </c>
      <c r="B66" s="19" t="s">
        <v>120</v>
      </c>
      <c r="C66" s="21">
        <v>128</v>
      </c>
      <c r="D66" s="21">
        <v>119</v>
      </c>
      <c r="E66" s="21">
        <v>9</v>
      </c>
      <c r="F66" s="21">
        <v>6</v>
      </c>
      <c r="G66" s="21">
        <v>120</v>
      </c>
      <c r="H66" s="21">
        <v>119</v>
      </c>
      <c r="I66" s="21">
        <v>1</v>
      </c>
      <c r="J66" s="21">
        <v>1</v>
      </c>
      <c r="K66" s="21">
        <v>12</v>
      </c>
      <c r="L66" s="21">
        <v>4</v>
      </c>
      <c r="M66" s="21">
        <v>8</v>
      </c>
      <c r="N66" s="21">
        <v>5</v>
      </c>
    </row>
    <row r="67" spans="1:14" x14ac:dyDescent="0.2">
      <c r="A67" s="3" t="s">
        <v>51</v>
      </c>
      <c r="B67" s="19" t="s">
        <v>121</v>
      </c>
      <c r="C67" s="21">
        <v>103</v>
      </c>
      <c r="D67" s="21">
        <v>101</v>
      </c>
      <c r="E67" s="21">
        <v>2</v>
      </c>
      <c r="F67" s="21">
        <v>2</v>
      </c>
      <c r="G67" s="21">
        <v>103</v>
      </c>
      <c r="H67" s="21">
        <v>101</v>
      </c>
      <c r="I67" s="21">
        <v>2</v>
      </c>
      <c r="J67" s="21">
        <v>2</v>
      </c>
      <c r="K67" s="21" t="s">
        <v>2</v>
      </c>
      <c r="L67" s="21" t="s">
        <v>2</v>
      </c>
      <c r="M67" s="21" t="s">
        <v>2</v>
      </c>
      <c r="N67" s="21" t="s">
        <v>2</v>
      </c>
    </row>
    <row r="68" spans="1:14" x14ac:dyDescent="0.2">
      <c r="A68" s="3" t="s">
        <v>52</v>
      </c>
      <c r="B68" s="19" t="s">
        <v>122</v>
      </c>
      <c r="C68" s="21">
        <v>2</v>
      </c>
      <c r="D68" s="21">
        <v>1</v>
      </c>
      <c r="E68" s="21">
        <v>1</v>
      </c>
      <c r="F68" s="21">
        <v>1</v>
      </c>
      <c r="G68" s="21">
        <v>1</v>
      </c>
      <c r="H68" s="21">
        <v>1</v>
      </c>
      <c r="I68" s="21" t="s">
        <v>2</v>
      </c>
      <c r="J68" s="21" t="s">
        <v>2</v>
      </c>
      <c r="K68" s="21">
        <v>1</v>
      </c>
      <c r="L68" s="21" t="s">
        <v>2</v>
      </c>
      <c r="M68" s="21">
        <v>1</v>
      </c>
      <c r="N68" s="21">
        <v>1</v>
      </c>
    </row>
    <row r="69" spans="1:14" x14ac:dyDescent="0.2">
      <c r="A69" s="3" t="s">
        <v>53</v>
      </c>
      <c r="B69" s="19" t="s">
        <v>123</v>
      </c>
      <c r="C69" s="21">
        <v>23</v>
      </c>
      <c r="D69" s="21">
        <v>21</v>
      </c>
      <c r="E69" s="21">
        <v>2</v>
      </c>
      <c r="F69" s="21">
        <v>2</v>
      </c>
      <c r="G69" s="21">
        <v>23</v>
      </c>
      <c r="H69" s="21">
        <v>21</v>
      </c>
      <c r="I69" s="21">
        <v>2</v>
      </c>
      <c r="J69" s="21">
        <v>2</v>
      </c>
      <c r="K69" s="21" t="s">
        <v>2</v>
      </c>
      <c r="L69" s="21" t="s">
        <v>2</v>
      </c>
      <c r="M69" s="21" t="s">
        <v>2</v>
      </c>
      <c r="N69" s="21" t="s">
        <v>2</v>
      </c>
    </row>
    <row r="70" spans="1:14" x14ac:dyDescent="0.2">
      <c r="A70" s="3" t="s">
        <v>54</v>
      </c>
      <c r="B70" s="19" t="s">
        <v>124</v>
      </c>
      <c r="C70" s="21">
        <v>123</v>
      </c>
      <c r="D70" s="21">
        <v>119</v>
      </c>
      <c r="E70" s="21">
        <v>4</v>
      </c>
      <c r="F70" s="21">
        <v>4</v>
      </c>
      <c r="G70" s="21">
        <v>121</v>
      </c>
      <c r="H70" s="21">
        <v>119</v>
      </c>
      <c r="I70" s="21">
        <v>2</v>
      </c>
      <c r="J70" s="21">
        <v>2</v>
      </c>
      <c r="K70" s="21">
        <v>2</v>
      </c>
      <c r="L70" s="21" t="s">
        <v>2</v>
      </c>
      <c r="M70" s="21">
        <v>2</v>
      </c>
      <c r="N70" s="21">
        <v>2</v>
      </c>
    </row>
    <row r="71" spans="1:14" x14ac:dyDescent="0.2">
      <c r="A71" s="3" t="s">
        <v>55</v>
      </c>
      <c r="B71" s="19" t="s">
        <v>125</v>
      </c>
      <c r="C71" s="21">
        <v>105</v>
      </c>
      <c r="D71" s="21">
        <v>79</v>
      </c>
      <c r="E71" s="21">
        <v>26</v>
      </c>
      <c r="F71" s="21">
        <v>25</v>
      </c>
      <c r="G71" s="21">
        <v>103</v>
      </c>
      <c r="H71" s="21">
        <v>79</v>
      </c>
      <c r="I71" s="21">
        <v>24</v>
      </c>
      <c r="J71" s="21">
        <v>24</v>
      </c>
      <c r="K71" s="21">
        <v>2</v>
      </c>
      <c r="L71" s="21" t="s">
        <v>2</v>
      </c>
      <c r="M71" s="21">
        <v>2</v>
      </c>
      <c r="N71" s="21">
        <v>1</v>
      </c>
    </row>
    <row r="72" spans="1:14" x14ac:dyDescent="0.2">
      <c r="A72" s="15" t="s">
        <v>56</v>
      </c>
      <c r="B72" s="20" t="s">
        <v>126</v>
      </c>
      <c r="C72" s="22">
        <v>15</v>
      </c>
      <c r="D72" s="22">
        <v>10</v>
      </c>
      <c r="E72" s="22">
        <v>5</v>
      </c>
      <c r="F72" s="22">
        <v>4</v>
      </c>
      <c r="G72" s="22">
        <v>12</v>
      </c>
      <c r="H72" s="22">
        <v>9</v>
      </c>
      <c r="I72" s="22">
        <v>3</v>
      </c>
      <c r="J72" s="22">
        <v>2</v>
      </c>
      <c r="K72" s="22">
        <v>6</v>
      </c>
      <c r="L72" s="22">
        <v>4</v>
      </c>
      <c r="M72" s="22">
        <v>2</v>
      </c>
      <c r="N72" s="22">
        <v>2</v>
      </c>
    </row>
  </sheetData>
  <mergeCells count="13">
    <mergeCell ref="N8:N10"/>
    <mergeCell ref="D7:D10"/>
    <mergeCell ref="E7:E10"/>
    <mergeCell ref="H7:H10"/>
    <mergeCell ref="I7:I10"/>
    <mergeCell ref="K6:K10"/>
    <mergeCell ref="A6:B10"/>
    <mergeCell ref="C6:C10"/>
    <mergeCell ref="G6:G10"/>
    <mergeCell ref="L7:L10"/>
    <mergeCell ref="M7:M10"/>
    <mergeCell ref="F8:F10"/>
    <mergeCell ref="J8:J10"/>
  </mergeCells>
  <phoneticPr fontId="1"/>
  <pageMargins left="0.59055118110236227" right="0.59055118110236227" top="0.59055118110236227" bottom="0.59055118110236227" header="0.31496062992125984" footer="0.31496062992125984"/>
  <pageSetup paperSize="9" scale="6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-1(1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user</cp:lastModifiedBy>
  <cp:lastPrinted>2026-03-26T02:01:31Z</cp:lastPrinted>
  <dcterms:created xsi:type="dcterms:W3CDTF">2026-03-16T11:17:39Z</dcterms:created>
  <dcterms:modified xsi:type="dcterms:W3CDTF">2026-03-26T02:05:51Z</dcterms:modified>
</cp:coreProperties>
</file>